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001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0\powyżej 30 tyś\24 PN\"/>
    </mc:Choice>
  </mc:AlternateContent>
  <xr:revisionPtr revIDLastSave="0" documentId="13_ncr:1_{10BE203C-7FC0-406A-8A67-F2DB9A2614C4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Arkusz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1" uniqueCount="36">
  <si>
    <t>DZPZ/333/24PN/2020</t>
  </si>
  <si>
    <t>Załącznik nr 2 do SIWZ</t>
  </si>
  <si>
    <t>Formularz cenowy</t>
  </si>
  <si>
    <t>Część nr 1</t>
  </si>
  <si>
    <t>Lp</t>
  </si>
  <si>
    <t>Szczegółowy opis pzredmiotu zamówienia</t>
  </si>
  <si>
    <t>Opis oferowanego przedmiotu zamówienia, nazwa handlowa, producent, numer katalogowy</t>
  </si>
  <si>
    <t>J.M.</t>
  </si>
  <si>
    <t>Ilość</t>
  </si>
  <si>
    <t>Cena jednostkowa netto</t>
  </si>
  <si>
    <t>Wartość netto</t>
  </si>
  <si>
    <t>Stawka Vat</t>
  </si>
  <si>
    <t>Vat</t>
  </si>
  <si>
    <t>Cena jednostkowa brutto</t>
  </si>
  <si>
    <t>Wartość brutto</t>
  </si>
  <si>
    <t>Zestaw do trombektomii mechanicznej zawierajacy sten i dedykowany mikrocewnik
Stent pokryty platyną na całej długości, połączony trwale z popychaczem, całkowicie repozycjolowalny z możliwością ponownego złożenia Średnice stentu: 3, 4, 6mm, długość 36/32mm, długość systemu 190cm (3mm), 180cm (4mm, 6mm) 20 mm powierzchnia zatrzymująca/wychwytująca materiał zakrzepowo-zatorowy dla urządzenia 3 i 4mm 
25 mm powierzchnia zatrzymująca/wychwytująca materiał zakrzepowo-zatorowy dla urządzenia 6mm
Znaczniki na końcach urządzenia: 3mm-2 znaczniki, 4, 6mm-3 znaczniki
Spiralna budowa urządzenia dla gładkiego i bezpiecznego przejścia stentu podczas wycofywania z naczynia
Mikrocewnik kompatybilny dla urządzenia 3mm 2.4F/2.0F, światło wewnętrzne 0,017” 
Mikrocewnik kompatybilny dla urządzenia 4mm 2.7F/2.4F, światło wewnętrzne 0,021” 
Mikrocewnik kompatybilny dla urządzenia 6mm 2.9F/2.7F, światło wewnętrzne 0,027” 
Hydrofilna powłoka zmniejszająca tarcie podczas stosowania, znacznik na trzonie wskazujący bliskość końcówki urządzenia w stosunku do mikrocewnika</t>
  </si>
  <si>
    <t>zestaw</t>
  </si>
  <si>
    <t xml:space="preserve">Cewnik prowadzący balonowy umożliwający  zatrzymania przepływu krwi w naczyniach krwionośnych domózgowych, mózgu w procedurach trombektomii mechanicznej w celu zapobieżenia dystalnej embolizacji. Cewnik z możliwością stosowania jako cewnik prowadzący dla stentretrievera, balon cewnika  o miękkiej i atraumatycznej budowie z Coaxial lumen – zapewnia szybką inflację i deflację balonu Cewnik balonowy dostępny o średnicy: OD 8F (ID 0.084in/6.4F) oraz dwóch długościach 85cm, 95cm
</t>
  </si>
  <si>
    <t>szt</t>
  </si>
  <si>
    <t>Cewnik do dostępów dystlanych umożliwający dystalny dostęp do naczyń wewnątrzczaszkowych i obwodowych, jak również do usuwania/aspiracji miękkich zatorów i zakrzepów z naczyń krwionośnych mózgowych i obwodowych, odporny na zaginanie, dstalna końcówka pokryta hydrofilnie, giętka, miękka, atraumatyczna, dystalnie tzw. „nitinol coil” rozmiary: 
ID 0.060in - OD (Distal 5.4F/Proximal 6.0F)
ID 0.058in - OD (Distal 5.3F/Proximal 5.6F)
ID 0.068in - OD (Distal 6.2F/Proximal 6.3F)</t>
  </si>
  <si>
    <t>Mikrocewnik do dostarczania spiral, cewnik zbrojony – oplot przeciwsobny, polerowany, atraumatyczny, dystalny segment – możliwość kształtowania końcówki nad parą wodną, cewnik o rozmiarze 2.4F proksymalnie, 1.7F dystalnie, o świetle cewnika 0.017”, dystalna część o długości 7.5 oraz 15cm, dł. cewnika 150 cm , typy cewnika: standard, flex, 2 kształty: stright oraz pre-shaped, dwa platynowe markery umożliwiające pozycjonowanie i odczepianie spiral, teflonowe światło wewnętrzne, pokrycie hydrofilne na zewnątrz, rekomendowany prowadnik 0.014”</t>
  </si>
  <si>
    <t>Mikrocewnik do dostarczania spiral, cewnik zbrojony – oplot przeciwsobny, polerowany, atraumatyczny, dystalny segment – możliwość kształtowania końcówki nad parą wodną, różne typy cewników: cewnik o rozmiarze 2.4F proksymalnie, 1.7F dystalnie, o świetle cewnika 0.0165”, dystalna część o długości 6 cm, dł. cewnika 150 cm, cewnik o rozmiarze 2.6F proksymalnie, 2.0F dystalnie, o świetle cewnika 0.019”, dystalna część o długości 6 cm, dł. cewnika 150 cm, dwa platynowe markery umożliwiające pozycjonowanie i odczepianie spiral, teflonowe światło wewnętrzne, pokrycie hydrofilne na zewnątrz, rekomendowany prowadnik 0.014” dostępne cewniki proste oraz o fabrycznie ukształtowanych zakończeniach 5 typów: 450, 900, J, C, S</t>
  </si>
  <si>
    <t>Mikroprowadnik o transmisji siły skrętnej 1:1, Prowadnik o średnicy 0.010”/0.012” oraz 0.014” i długości 200/300 cm, rdzeń prowadnika wykonany ze stali w części dystalnej pokrytej nitinolową tubą z mikrofabrykacją, dystalna cześć cieniująca na długości 35/45/55cm, pokrycie hydrofilne w części dystalnej oraz teflonowe w części proksymalnej, dostępny w dwóch wersjach sztywności: standard, support</t>
  </si>
  <si>
    <t>Stent wewnątrzczaszkowy do remodelingu, nitinolowy samorozprężalny z otwartymi celami, wykonany w technologii laserowego wycinania z tuby nitinolu, wyposażony w trzy platynowe markery na końcach proksymalnym i dystalnym stentu, stent umieszczony na prowadniku dostawczym wykonanym ze stali nierdzewnej o dł. 185cm, zabezpieczony przez koszulkę wprowadzającą, marker (flouro-saver) umieszczony na proksymalnym końcu prowadnika dostawczego, 135cm od dystalnego końca, o minimalnej skracalności do 6,3%, o bardzo dużej elastyczności i dopasowaniu do kształtu naczynia, rozmiary: średnice: 3.0/4.0/4.5 mm długości 15/21/24/30mm, kompatybilny z mikrocewnikiem o średnicy wewnętrznej 0.0165”-0.017”ID</t>
  </si>
  <si>
    <t>Cewnik superselektywny, o średnicy 2.9F/2.7F prox/dyst i świetle wewnętrznym 0.027” na całej długości, cewnik zbrojony włóknem poliestrowym w części proksymalnej i drutem platynowym w części dystalnej, polerowane zakończenie z platynowym markerem widocznym w skopii, pokrycie hydrofilne na całej długości, wewnętrzne światło z PTFE, długości 135 lub 150cm, miękka/giętka część dystalna 6 lub 18cm, cewniki proste oraz o fabrycznie ukształtowanych zakończeniach (Pre-Shaped) cewniki o końcówce flex lub standard</t>
  </si>
  <si>
    <t>Stent wewnątrzczaszkowy do leczenia zwężeń tętnic mózgowych, stent samorozprężalny, o bardzo dużej elastyczności oraz giętkości i dopasowaniu do kształtu naczynia, konstrukcja stentu atraumatyczna, stent umieszczony fabrycznie w systemie dostawczym o średnicy 3,5F, over the wire, rekomendowany prowadnik 0,014”, długość 300cm, cewnik prowadzący 6F, rozmiary: średnice: 2,5/3,0/3,5/4,0/4,5mm, długości: 9/15/20mm, cewnik dostawczy pokrywany hydrofilnie, wyposażony w cztery platynowe markery na końcach</t>
  </si>
  <si>
    <t>Razem netto</t>
  </si>
  <si>
    <t>Razem VAT</t>
  </si>
  <si>
    <t>Razem brutto</t>
  </si>
  <si>
    <t>Część nr 2</t>
  </si>
  <si>
    <t>Dzierżawa pompy aspiracyjnej :</t>
  </si>
  <si>
    <t>miesiąc</t>
  </si>
  <si>
    <t>Cewnik reperfuzyjny do rewaskularyzacji udarów niedokrwiennych mózgu:
Proksymalna średnica zewnętrzna 6.0Fr; - dystalna średnica zewnętrzna 5,75Fr lub 6.0, dystalna średnica wewnętrzna .054”, .064”, .0.68”, .072”, długość robocza 132cm lub 138 cm, cewnik z co najmniej 20 strefami przejściowymi o różnym stopniu elastyczności, w zestawie zbrojony przewód wysokociśnieniowy z włącznikiem on/off do ssania, kompatybilny z pompą.</t>
  </si>
  <si>
    <t>Cewnik reperfuzyjny do rewaskularyzacji udarów niedokriwennych mózgu:
Proksymalna średnica zewnętrzna 4,7Fr, dystalna średnica zewnętrzna 3,8Fr, proksymalna średnica wewnętrzna 0,043 cala; dystalna średnica wewnętrzna 0,035 cala; długość robocza 153cm lub 160cm.</t>
  </si>
  <si>
    <t>Kanister do aspiracji, pojemnik jednorazowy do pompy aspiracyjnej.</t>
  </si>
  <si>
    <t>Cewnik (koszula) do dostępu wewnątrzczaszkowego przeznaczony do wprowadzania urządzeń interwencyjnych do naczyń obwodowych, wieńcowych, mózgowych:
Długości 80, 90, 100 cm, średnica wewnętrzna 0.088’”, zakończenie proste lub MP, powłoka hydrofilna na dystalnym odcinku, dystalna strefa elastyczna 4 cm. z zastawką obrotową hemostatyczną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Calibri"/>
      <family val="2"/>
      <scheme val="minor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b/>
      <sz val="9"/>
      <name val="Times New Roman"/>
      <family val="1"/>
      <charset val="238"/>
    </font>
    <font>
      <sz val="9"/>
      <name val="Times New Roman"/>
      <family val="1"/>
      <charset val="238"/>
    </font>
    <font>
      <sz val="9"/>
      <color indexed="8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9"/>
        <bgColor indexed="64"/>
      </patternFill>
    </fill>
  </fills>
  <borders count="6">
    <border>
      <left/>
      <right/>
      <top/>
      <bottom/>
      <diagonal/>
    </border>
    <border>
      <left style="hair">
        <color indexed="8"/>
      </left>
      <right style="hair">
        <color indexed="8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5">
    <xf numFmtId="0" fontId="0" fillId="0" borderId="0" xfId="0"/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3" fillId="2" borderId="0" xfId="0" applyFont="1" applyFill="1" applyAlignment="1">
      <alignment horizontal="center" vertical="center" wrapText="1"/>
    </xf>
    <xf numFmtId="0" fontId="3" fillId="2" borderId="1" xfId="0" applyFont="1" applyFill="1" applyBorder="1" applyAlignment="1">
      <alignment wrapText="1"/>
    </xf>
    <xf numFmtId="0" fontId="3" fillId="2" borderId="0" xfId="0" applyFont="1" applyFill="1" applyAlignment="1">
      <alignment wrapText="1"/>
    </xf>
    <xf numFmtId="0" fontId="4" fillId="2" borderId="0" xfId="0" applyFont="1" applyFill="1"/>
    <xf numFmtId="0" fontId="4" fillId="2" borderId="0" xfId="0" applyFont="1" applyFill="1" applyAlignment="1">
      <alignment horizontal="center" wrapText="1"/>
    </xf>
    <xf numFmtId="0" fontId="3" fillId="3" borderId="2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 wrapText="1"/>
    </xf>
    <xf numFmtId="0" fontId="4" fillId="4" borderId="3" xfId="0" applyFont="1" applyFill="1" applyBorder="1" applyAlignment="1">
      <alignment horizontal="left" vertical="center" wrapText="1"/>
    </xf>
    <xf numFmtId="0" fontId="5" fillId="4" borderId="3" xfId="0" applyFont="1" applyFill="1" applyBorder="1" applyAlignment="1">
      <alignment horizontal="left" vertical="center" wrapText="1"/>
    </xf>
    <xf numFmtId="0" fontId="5" fillId="4" borderId="3" xfId="0" applyFont="1" applyFill="1" applyBorder="1" applyAlignment="1">
      <alignment horizontal="center" vertical="center" wrapText="1"/>
    </xf>
    <xf numFmtId="0" fontId="3" fillId="4" borderId="4" xfId="0" applyFont="1" applyFill="1" applyBorder="1" applyAlignment="1">
      <alignment horizontal="left" vertical="center" wrapText="1"/>
    </xf>
    <xf numFmtId="0" fontId="3" fillId="4" borderId="3" xfId="0" applyFont="1" applyFill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2" fontId="3" fillId="3" borderId="3" xfId="0" applyNumberFormat="1" applyFont="1" applyFill="1" applyBorder="1" applyAlignment="1">
      <alignment horizontal="left" vertical="center" wrapText="1"/>
    </xf>
    <xf numFmtId="0" fontId="3" fillId="3" borderId="3" xfId="0" applyFont="1" applyFill="1" applyBorder="1" applyAlignment="1">
      <alignment horizontal="left" vertical="center"/>
    </xf>
    <xf numFmtId="0" fontId="3" fillId="3" borderId="3" xfId="0" applyFont="1" applyFill="1" applyBorder="1" applyAlignment="1">
      <alignment horizontal="left" vertical="center" wrapText="1"/>
    </xf>
    <xf numFmtId="2" fontId="3" fillId="3" borderId="0" xfId="0" applyNumberFormat="1" applyFont="1" applyFill="1" applyAlignment="1">
      <alignment horizontal="left" vertical="center" wrapText="1"/>
    </xf>
    <xf numFmtId="0" fontId="3" fillId="3" borderId="0" xfId="0" applyFont="1" applyFill="1" applyAlignment="1">
      <alignment horizontal="left" vertical="center"/>
    </xf>
    <xf numFmtId="0" fontId="3" fillId="3" borderId="0" xfId="0" applyFont="1" applyFill="1" applyAlignment="1">
      <alignment horizontal="left" vertical="center" wrapText="1"/>
    </xf>
    <xf numFmtId="0" fontId="3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left" vertical="center" wrapText="1"/>
    </xf>
    <xf numFmtId="0" fontId="3" fillId="2" borderId="0" xfId="0" applyFont="1" applyFill="1" applyAlignment="1">
      <alignment horizontal="left" vertical="center" wrapText="1"/>
    </xf>
    <xf numFmtId="0" fontId="3" fillId="2" borderId="1" xfId="0" applyFont="1" applyFill="1" applyBorder="1" applyAlignment="1">
      <alignment horizontal="left" vertical="center" wrapText="1"/>
    </xf>
    <xf numFmtId="0" fontId="4" fillId="2" borderId="0" xfId="0" applyFont="1" applyFill="1" applyAlignment="1">
      <alignment horizontal="left" vertical="center"/>
    </xf>
    <xf numFmtId="0" fontId="4" fillId="2" borderId="0" xfId="0" applyFont="1" applyFill="1" applyAlignment="1">
      <alignment horizontal="left" vertical="center" wrapText="1"/>
    </xf>
    <xf numFmtId="0" fontId="3" fillId="3" borderId="2" xfId="0" applyFont="1" applyFill="1" applyBorder="1" applyAlignment="1">
      <alignment horizontal="left" vertical="center" wrapText="1"/>
    </xf>
    <xf numFmtId="2" fontId="3" fillId="3" borderId="5" xfId="0" applyNumberFormat="1" applyFont="1" applyFill="1" applyBorder="1" applyAlignment="1">
      <alignment horizontal="left" vertical="center" wrapText="1"/>
    </xf>
    <xf numFmtId="0" fontId="5" fillId="4" borderId="0" xfId="0" applyFont="1" applyFill="1" applyBorder="1" applyAlignment="1">
      <alignment horizontal="left" vertical="center" wrapText="1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27"/>
  <sheetViews>
    <sheetView tabSelected="1" topLeftCell="A15" workbookViewId="0">
      <selection activeCell="S26" sqref="S26"/>
    </sheetView>
  </sheetViews>
  <sheetFormatPr defaultRowHeight="15" x14ac:dyDescent="0.25"/>
  <cols>
    <col min="1" max="1" width="3.5703125" customWidth="1"/>
    <col min="2" max="2" width="36.140625" customWidth="1"/>
    <col min="3" max="3" width="19" customWidth="1"/>
    <col min="4" max="4" width="7.140625" customWidth="1"/>
  </cols>
  <sheetData>
    <row r="1" spans="1:11" x14ac:dyDescent="0.25">
      <c r="A1" s="1"/>
      <c r="B1" s="2" t="s">
        <v>0</v>
      </c>
      <c r="C1" s="3"/>
      <c r="D1" s="4"/>
      <c r="E1" s="4"/>
      <c r="F1" s="3"/>
      <c r="G1" s="3"/>
      <c r="H1" s="3"/>
      <c r="I1" s="5" t="s">
        <v>1</v>
      </c>
      <c r="J1" s="5"/>
      <c r="K1" s="5"/>
    </row>
    <row r="2" spans="1:11" x14ac:dyDescent="0.25">
      <c r="A2" s="1"/>
      <c r="B2" s="3"/>
      <c r="C2" s="2" t="s">
        <v>2</v>
      </c>
      <c r="D2" s="4"/>
      <c r="E2" s="4"/>
      <c r="F2" s="3"/>
      <c r="G2" s="3"/>
      <c r="H2" s="3"/>
      <c r="I2" s="3"/>
      <c r="J2" s="3"/>
      <c r="K2" s="3"/>
    </row>
    <row r="3" spans="1:11" x14ac:dyDescent="0.25">
      <c r="A3" s="6"/>
      <c r="B3" s="7" t="s">
        <v>3</v>
      </c>
      <c r="C3" s="8"/>
      <c r="D3" s="6"/>
      <c r="E3" s="6"/>
      <c r="F3" s="8"/>
      <c r="G3" s="8"/>
      <c r="H3" s="9"/>
      <c r="I3" s="10"/>
      <c r="J3" s="10"/>
      <c r="K3" s="9"/>
    </row>
    <row r="4" spans="1:11" ht="61.5" customHeight="1" x14ac:dyDescent="0.25">
      <c r="A4" s="11" t="s">
        <v>4</v>
      </c>
      <c r="B4" s="11" t="s">
        <v>5</v>
      </c>
      <c r="C4" s="11" t="s">
        <v>6</v>
      </c>
      <c r="D4" s="11" t="s">
        <v>7</v>
      </c>
      <c r="E4" s="11" t="s">
        <v>8</v>
      </c>
      <c r="F4" s="12" t="s">
        <v>9</v>
      </c>
      <c r="G4" s="12" t="s">
        <v>10</v>
      </c>
      <c r="H4" s="12" t="s">
        <v>11</v>
      </c>
      <c r="I4" s="12" t="s">
        <v>12</v>
      </c>
      <c r="J4" s="12" t="s">
        <v>13</v>
      </c>
      <c r="K4" s="12" t="s">
        <v>14</v>
      </c>
    </row>
    <row r="5" spans="1:11" ht="341.25" customHeight="1" x14ac:dyDescent="0.25">
      <c r="A5" s="13">
        <v>1</v>
      </c>
      <c r="B5" s="14" t="s">
        <v>15</v>
      </c>
      <c r="C5" s="13"/>
      <c r="D5" s="15" t="s">
        <v>16</v>
      </c>
      <c r="E5" s="15">
        <v>3</v>
      </c>
      <c r="F5" s="16"/>
      <c r="G5" s="17"/>
      <c r="H5" s="17"/>
      <c r="I5" s="17"/>
      <c r="J5" s="17"/>
      <c r="K5" s="17"/>
    </row>
    <row r="6" spans="1:11" ht="144.75" customHeight="1" x14ac:dyDescent="0.25">
      <c r="A6" s="13">
        <v>2</v>
      </c>
      <c r="B6" s="14" t="s">
        <v>17</v>
      </c>
      <c r="C6" s="13"/>
      <c r="D6" s="15" t="s">
        <v>18</v>
      </c>
      <c r="E6" s="15">
        <v>50</v>
      </c>
      <c r="F6" s="16"/>
      <c r="G6" s="17"/>
      <c r="H6" s="17"/>
      <c r="I6" s="17"/>
      <c r="J6" s="17"/>
      <c r="K6" s="17"/>
    </row>
    <row r="7" spans="1:11" ht="152.25" customHeight="1" x14ac:dyDescent="0.25">
      <c r="A7" s="13">
        <v>3</v>
      </c>
      <c r="B7" s="14" t="s">
        <v>19</v>
      </c>
      <c r="C7" s="13"/>
      <c r="D7" s="15" t="s">
        <v>18</v>
      </c>
      <c r="E7" s="15">
        <v>10</v>
      </c>
      <c r="F7" s="16"/>
      <c r="G7" s="17"/>
      <c r="H7" s="17"/>
      <c r="I7" s="17"/>
      <c r="J7" s="17"/>
      <c r="K7" s="17"/>
    </row>
    <row r="8" spans="1:11" ht="153.75" customHeight="1" x14ac:dyDescent="0.25">
      <c r="A8" s="13">
        <v>4</v>
      </c>
      <c r="B8" s="14" t="s">
        <v>20</v>
      </c>
      <c r="C8" s="13"/>
      <c r="D8" s="15" t="s">
        <v>18</v>
      </c>
      <c r="E8" s="15">
        <v>3</v>
      </c>
      <c r="F8" s="16"/>
      <c r="G8" s="17"/>
      <c r="H8" s="17"/>
      <c r="I8" s="17"/>
      <c r="J8" s="17"/>
      <c r="K8" s="17"/>
    </row>
    <row r="9" spans="1:11" ht="217.5" customHeight="1" x14ac:dyDescent="0.25">
      <c r="A9" s="13">
        <v>5</v>
      </c>
      <c r="B9" s="14" t="s">
        <v>21</v>
      </c>
      <c r="C9" s="13"/>
      <c r="D9" s="15" t="s">
        <v>18</v>
      </c>
      <c r="E9" s="15">
        <v>3</v>
      </c>
      <c r="F9" s="16"/>
      <c r="G9" s="17"/>
      <c r="H9" s="17"/>
      <c r="I9" s="17"/>
      <c r="J9" s="17"/>
      <c r="K9" s="17"/>
    </row>
    <row r="10" spans="1:11" ht="110.25" customHeight="1" x14ac:dyDescent="0.25">
      <c r="A10" s="13">
        <v>6</v>
      </c>
      <c r="B10" s="14" t="s">
        <v>22</v>
      </c>
      <c r="C10" s="13"/>
      <c r="D10" s="15" t="s">
        <v>18</v>
      </c>
      <c r="E10" s="15">
        <v>10</v>
      </c>
      <c r="F10" s="16"/>
      <c r="G10" s="17"/>
      <c r="H10" s="17"/>
      <c r="I10" s="17"/>
      <c r="J10" s="17"/>
      <c r="K10" s="17"/>
    </row>
    <row r="11" spans="1:11" ht="236.25" customHeight="1" x14ac:dyDescent="0.25">
      <c r="A11" s="13">
        <v>7</v>
      </c>
      <c r="B11" s="13" t="s">
        <v>23</v>
      </c>
      <c r="C11" s="13"/>
      <c r="D11" s="15" t="s">
        <v>18</v>
      </c>
      <c r="E11" s="15">
        <v>1</v>
      </c>
      <c r="F11" s="16"/>
      <c r="G11" s="17"/>
      <c r="H11" s="17"/>
      <c r="I11" s="17"/>
      <c r="J11" s="17"/>
      <c r="K11" s="17"/>
    </row>
    <row r="12" spans="1:11" ht="145.5" customHeight="1" x14ac:dyDescent="0.25">
      <c r="A12" s="13">
        <v>8</v>
      </c>
      <c r="B12" s="14" t="s">
        <v>24</v>
      </c>
      <c r="C12" s="13"/>
      <c r="D12" s="15" t="s">
        <v>18</v>
      </c>
      <c r="E12" s="15">
        <v>3</v>
      </c>
      <c r="F12" s="16"/>
      <c r="G12" s="17"/>
      <c r="H12" s="17"/>
      <c r="I12" s="17"/>
      <c r="J12" s="17"/>
      <c r="K12" s="17"/>
    </row>
    <row r="13" spans="1:11" ht="153" customHeight="1" x14ac:dyDescent="0.25">
      <c r="A13" s="13">
        <v>9</v>
      </c>
      <c r="B13" s="14" t="s">
        <v>25</v>
      </c>
      <c r="C13" s="13"/>
      <c r="D13" s="15" t="s">
        <v>18</v>
      </c>
      <c r="E13" s="15">
        <v>3</v>
      </c>
      <c r="F13" s="16"/>
      <c r="G13" s="17"/>
      <c r="H13" s="17"/>
      <c r="I13" s="17"/>
      <c r="J13" s="17"/>
      <c r="K13" s="17"/>
    </row>
    <row r="14" spans="1:11" ht="24" x14ac:dyDescent="0.25">
      <c r="A14" s="18"/>
      <c r="B14" s="18"/>
      <c r="C14" s="18"/>
      <c r="D14" s="18"/>
      <c r="E14" s="18"/>
      <c r="F14" s="19" t="s">
        <v>26</v>
      </c>
      <c r="G14" s="19"/>
      <c r="H14" s="20" t="s">
        <v>27</v>
      </c>
      <c r="I14" s="21"/>
      <c r="J14" s="21" t="s">
        <v>28</v>
      </c>
      <c r="K14" s="20"/>
    </row>
    <row r="15" spans="1:11" x14ac:dyDescent="0.25">
      <c r="A15" s="18"/>
      <c r="B15" s="18"/>
      <c r="C15" s="18"/>
      <c r="D15" s="18"/>
      <c r="E15" s="18"/>
      <c r="F15" s="22"/>
      <c r="G15" s="22"/>
      <c r="H15" s="23"/>
      <c r="I15" s="24"/>
      <c r="J15" s="24"/>
      <c r="K15" s="23"/>
    </row>
    <row r="16" spans="1:11" x14ac:dyDescent="0.25">
      <c r="A16" s="18"/>
      <c r="B16" s="18"/>
      <c r="C16" s="18"/>
      <c r="D16" s="18"/>
      <c r="E16" s="18"/>
      <c r="F16" s="22"/>
      <c r="G16" s="22"/>
      <c r="H16" s="23"/>
      <c r="I16" s="24"/>
      <c r="J16" s="24"/>
      <c r="K16" s="23"/>
    </row>
    <row r="17" spans="1:11" x14ac:dyDescent="0.25">
      <c r="A17" s="18"/>
      <c r="B17" s="18"/>
      <c r="C17" s="18"/>
      <c r="D17" s="18"/>
      <c r="E17" s="18"/>
      <c r="F17" s="22"/>
      <c r="G17" s="22"/>
      <c r="H17" s="23"/>
      <c r="I17" s="24"/>
      <c r="J17" s="24"/>
      <c r="K17" s="23"/>
    </row>
    <row r="18" spans="1:11" x14ac:dyDescent="0.25">
      <c r="A18" s="18"/>
      <c r="B18" s="18"/>
      <c r="C18" s="18"/>
      <c r="D18" s="18"/>
      <c r="E18" s="18"/>
      <c r="F18" s="22"/>
      <c r="G18" s="22"/>
      <c r="H18" s="23"/>
      <c r="I18" s="24"/>
      <c r="J18" s="24"/>
      <c r="K18" s="23"/>
    </row>
    <row r="19" spans="1:11" x14ac:dyDescent="0.25">
      <c r="A19" s="25"/>
      <c r="B19" s="26"/>
      <c r="C19" s="26"/>
      <c r="D19" s="26"/>
      <c r="E19" s="26"/>
      <c r="F19" s="26"/>
      <c r="G19" s="26"/>
      <c r="H19" s="26"/>
      <c r="I19" s="27"/>
      <c r="J19" s="27"/>
      <c r="K19" s="26"/>
    </row>
    <row r="20" spans="1:11" x14ac:dyDescent="0.25">
      <c r="A20" s="28"/>
      <c r="B20" s="29" t="s">
        <v>29</v>
      </c>
      <c r="C20" s="28"/>
      <c r="D20" s="28"/>
      <c r="E20" s="28"/>
      <c r="F20" s="28"/>
      <c r="G20" s="28"/>
      <c r="H20" s="30"/>
      <c r="I20" s="31"/>
      <c r="J20" s="31"/>
      <c r="K20" s="30"/>
    </row>
    <row r="21" spans="1:11" ht="60" x14ac:dyDescent="0.25">
      <c r="A21" s="32" t="s">
        <v>4</v>
      </c>
      <c r="B21" s="32" t="s">
        <v>5</v>
      </c>
      <c r="C21" s="32" t="s">
        <v>6</v>
      </c>
      <c r="D21" s="32" t="s">
        <v>7</v>
      </c>
      <c r="E21" s="32" t="s">
        <v>8</v>
      </c>
      <c r="F21" s="32" t="s">
        <v>9</v>
      </c>
      <c r="G21" s="32" t="s">
        <v>10</v>
      </c>
      <c r="H21" s="21" t="s">
        <v>11</v>
      </c>
      <c r="I21" s="21" t="s">
        <v>12</v>
      </c>
      <c r="J21" s="21" t="s">
        <v>13</v>
      </c>
      <c r="K21" s="21" t="s">
        <v>14</v>
      </c>
    </row>
    <row r="22" spans="1:11" ht="27" customHeight="1" x14ac:dyDescent="0.25">
      <c r="A22" s="13">
        <v>1</v>
      </c>
      <c r="B22" s="14" t="s">
        <v>30</v>
      </c>
      <c r="C22" s="13"/>
      <c r="D22" s="15" t="s">
        <v>31</v>
      </c>
      <c r="E22" s="15">
        <v>12</v>
      </c>
      <c r="F22" s="17"/>
      <c r="G22" s="17"/>
      <c r="H22" s="17"/>
      <c r="I22" s="17"/>
      <c r="J22" s="17"/>
      <c r="K22" s="17"/>
    </row>
    <row r="23" spans="1:11" ht="126.75" customHeight="1" x14ac:dyDescent="0.25">
      <c r="A23" s="13">
        <v>2</v>
      </c>
      <c r="B23" s="14" t="s">
        <v>32</v>
      </c>
      <c r="C23" s="13"/>
      <c r="D23" s="15" t="s">
        <v>18</v>
      </c>
      <c r="E23" s="15">
        <v>20</v>
      </c>
      <c r="F23" s="17"/>
      <c r="G23" s="17"/>
      <c r="H23" s="17"/>
      <c r="I23" s="17"/>
      <c r="J23" s="17"/>
      <c r="K23" s="17"/>
    </row>
    <row r="24" spans="1:11" ht="92.25" customHeight="1" x14ac:dyDescent="0.25">
      <c r="A24" s="13">
        <v>3</v>
      </c>
      <c r="B24" s="14" t="s">
        <v>33</v>
      </c>
      <c r="C24" s="13"/>
      <c r="D24" s="15" t="s">
        <v>18</v>
      </c>
      <c r="E24" s="15">
        <v>20</v>
      </c>
      <c r="F24" s="17"/>
      <c r="G24" s="17"/>
      <c r="H24" s="17"/>
      <c r="I24" s="17"/>
      <c r="J24" s="17"/>
      <c r="K24" s="17"/>
    </row>
    <row r="25" spans="1:11" ht="24" x14ac:dyDescent="0.25">
      <c r="A25" s="13">
        <v>4</v>
      </c>
      <c r="B25" s="14" t="s">
        <v>34</v>
      </c>
      <c r="C25" s="13"/>
      <c r="D25" s="15" t="s">
        <v>18</v>
      </c>
      <c r="E25" s="15">
        <v>20</v>
      </c>
      <c r="F25" s="17"/>
      <c r="G25" s="17"/>
      <c r="H25" s="17"/>
      <c r="I25" s="17"/>
      <c r="J25" s="17"/>
      <c r="K25" s="17"/>
    </row>
    <row r="26" spans="1:11" ht="121.5" customHeight="1" x14ac:dyDescent="0.25">
      <c r="A26" s="13">
        <v>5</v>
      </c>
      <c r="B26" s="14" t="s">
        <v>35</v>
      </c>
      <c r="C26" s="13"/>
      <c r="D26" s="15" t="s">
        <v>18</v>
      </c>
      <c r="E26" s="15">
        <v>10</v>
      </c>
      <c r="F26" s="17"/>
      <c r="G26" s="17"/>
      <c r="H26" s="17"/>
      <c r="I26" s="17"/>
      <c r="J26" s="17"/>
      <c r="K26" s="17"/>
    </row>
    <row r="27" spans="1:11" ht="24" x14ac:dyDescent="0.25">
      <c r="A27" s="18"/>
      <c r="B27" s="18"/>
      <c r="C27" s="18"/>
      <c r="D27" s="18"/>
      <c r="E27" s="34"/>
      <c r="F27" s="19" t="s">
        <v>26</v>
      </c>
      <c r="G27" s="33"/>
      <c r="H27" s="20" t="s">
        <v>27</v>
      </c>
      <c r="I27" s="21"/>
      <c r="J27" s="21" t="s">
        <v>28</v>
      </c>
      <c r="K27" s="20"/>
    </row>
  </sheetData>
  <mergeCells count="1">
    <mergeCell ref="I1:K1"/>
  </mergeCells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ata Wachowicz</dc:creator>
  <cp:lastModifiedBy>Beata Wachowicz</cp:lastModifiedBy>
  <dcterms:created xsi:type="dcterms:W3CDTF">2015-06-05T18:19:34Z</dcterms:created>
  <dcterms:modified xsi:type="dcterms:W3CDTF">2020-07-08T11:34:13Z</dcterms:modified>
</cp:coreProperties>
</file>